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4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adskan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2A9E4FF-F4D6-C41D-BF9F-0AF8210ABB9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3338" y="5257800"/>
            <a:ext cx="2261324" cy="145629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257FFE1-5959-0AD1-4DD4-2712B6A2555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2826" y="4332303"/>
            <a:ext cx="1603082" cy="103238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08T10:18:18Z</dcterms:modified>
</cp:coreProperties>
</file>